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1934" r:id="rId2"/>
    <p:sldId id="1933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1C7DF"/>
    <a:srgbClr val="F7CF27"/>
    <a:srgbClr val="F3B02B"/>
    <a:srgbClr val="BDD38D"/>
    <a:srgbClr val="6C080A"/>
    <a:srgbClr val="B4C72B"/>
    <a:srgbClr val="BBCE2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E8034E78-7F5D-4C2E-B375-FC64B27BC917}" styleName="Dark Style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dk1">
              <a:tint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dk1">
              <a:tint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dk1">
              <a:tint val="6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D7AC3CCA-C797-4891-BE02-D94E43425B78}" styleName="Medium Style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71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50" y="26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9D3912-DF53-4F58-89A2-741B06A01C2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FEC2E3C-D7D8-4DE7-8795-F9BD48D824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117BBE-A07E-4254-8B7F-3CA61EA26E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EFFA0A3-25B8-47A8-BC92-01306C4272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3221C76-5986-40E4-8B29-0E0762BB6A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533245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785E6C-E658-479A-892D-2AEC46873B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9303749-32CA-4174-98DC-11F7E8F8A69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C6C43B1-36A3-4727-AF85-5786244BED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2D34C7-117A-478D-83C9-A349591E4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BA2F04A-2C52-44C0-8F06-0DD928B75F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815675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D7A6BB4-91D7-46FC-BB19-F460D38B40F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129792C-DEAE-45C1-926E-3765E70D41A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040EC92-36E7-4E95-8BB3-337A9FFE32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B382B9-D6FB-4DE7-B2CB-952D97780B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C2AE399-1F90-4921-8474-DF9DE36EB8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067975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82EEEF-C97B-4FFB-B4B0-91287EA9A6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BE60020-0D49-4500-9A5B-58F48395B39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A65AAD-19B1-4C3B-84E3-5330B1DC4E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768470A-B29D-4950-A6C3-BD5560DDF7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87FBFB-0E13-4538-AA5F-F30C235EFB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95888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31B335-A825-4E51-8DF1-37CC9E4617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61BA70B-3774-48B4-B9EB-912D308EB3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E05212A-E148-40E7-BBE8-81C38DBEDF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B40049D-A359-4C17-84DA-80CE6463D1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5E3930B-804F-44A5-BA9C-7BCFDE6DB8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356246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4FBC5D-0440-4771-A1B2-CB91C9AD38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7B5770A-03D9-4AA2-8553-21D52C991FE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EDA7B7B-FBB1-4B33-B08E-1A515DC0079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6EBAA8E-CC0D-4143-AB2F-2602572EAB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FFBC2AC-EE2C-4D15-96BA-8A4795CFB2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ADC3AD9-A422-4507-BAD0-295EEC3888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9479482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6AA398-A81A-4517-B545-1FCC6B7A02B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07B526E-F700-4BAC-8A29-83B6911CC8B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2644C40-2869-4E9C-8F21-88B6C79A8D3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3DCA33B-D0E3-4819-85E0-D2C791154E4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9483F19-06AE-4BF9-8DAC-3D8523E0CCC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69822C2-FDF3-4877-9969-EEE3EBAE82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E9C8424-2D37-4017-A8BA-28C2A0277B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2708779-5DD1-449E-B75A-FDC489993B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107502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B9E243-CC84-49DF-A527-5760692288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CADF976-DEA5-493B-BEBE-4388E27DE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0ED3C75-B72E-4DFD-B4F1-283E038441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9EF3D3E-0B9B-4647-B65A-BAE234FF68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308224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6513C69-1A60-494F-95D4-EC2E9DBCD1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10E9EEC-CC0D-4A3E-8F62-5ECA12664C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A50A8FB-C828-4612-89EF-4C115EFE8F5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109302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DEAD7E-BEDF-4DE2-BAA1-91D5B4D0C9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4434507-2218-4A0A-8E23-E0934D59469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5704D4C-02B6-4D47-AB98-EC819A0172F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11C4BB0-7ACF-4DD1-A98F-96B36B08799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578962D-EF3A-4089-BD41-3472FAAED8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AC74250-9DEF-4A15-8A11-2E69B3DEBB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66216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CCED5E-9871-49BD-8253-ED88F3A1B0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E26734A-50CE-4CDD-A72F-F9C3284C526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BAFAF2B-155A-4CE2-84D8-D419E815E01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D7B48AD-FB08-46EC-9173-C3D952A31E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6DF79D9-B229-4522-A7A6-8C5519798F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A56CF6A-74EA-486D-A463-3EEC3B1EF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874059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63DF1F-4DD0-4BFE-9743-CA950B3157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592F950-88BD-45F2-BD08-27970FCCFEB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D9B3C3-ADE7-4664-98D3-1E7C8FAF413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56D54E0-1A93-4223-92F6-2A71EBCE04C2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984EB4-FE3C-4A79-9099-A6F0D3C45EA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5698FF5-747D-44E7-B407-BF8567F188E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79275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03160320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OTLSHAPE_SL_94da38b5ca484e3f9a172e88e7bff00b_BackgroundRectangle">
            <a:extLst>
              <a:ext uri="{FF2B5EF4-FFF2-40B4-BE49-F238E27FC236}">
                <a16:creationId xmlns:a16="http://schemas.microsoft.com/office/drawing/2014/main" id="{2DC3DA35-2B2F-4FBE-B28D-C0B982ABB927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984587"/>
            <a:ext cx="11696700" cy="736600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_bb31dba40afb42509c61b1136d9b8acb_BackgroundRectangle">
            <a:extLst>
              <a:ext uri="{FF2B5EF4-FFF2-40B4-BE49-F238E27FC236}">
                <a16:creationId xmlns:a16="http://schemas.microsoft.com/office/drawing/2014/main" id="{7B9D3C03-4004-433D-9141-1C4D7336EC2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784687"/>
            <a:ext cx="11696700" cy="722037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_f6ffadc9780a4f3ab22a7e53bade919d_BackgroundRectangle">
            <a:extLst>
              <a:ext uri="{FF2B5EF4-FFF2-40B4-BE49-F238E27FC236}">
                <a16:creationId xmlns:a16="http://schemas.microsoft.com/office/drawing/2014/main" id="{2280F74E-E4C2-4349-AE00-11A5919790E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570224"/>
            <a:ext cx="11696700" cy="937937"/>
          </a:xfrm>
          <a:prstGeom prst="rect">
            <a:avLst/>
          </a:prstGeom>
          <a:solidFill>
            <a:schemeClr val="accent4">
              <a:lumMod val="60000"/>
              <a:lumOff val="40000"/>
              <a:alpha val="9804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2A_8a011717bc3e4e7d9a568a08c30719ef_BackgroundRectangle" hidden="1">
            <a:extLst>
              <a:ext uri="{FF2B5EF4-FFF2-40B4-BE49-F238E27FC236}">
                <a16:creationId xmlns:a16="http://schemas.microsoft.com/office/drawing/2014/main" id="{00B5BB34-C3C3-4A2A-AC99-AACB1B99F2B6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428665" y="1984587"/>
            <a:ext cx="10337800" cy="73660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0" name="OTLSHAPE_SL2A_d243605a0eb84889a765067cee0a8e9a_BackgroundRectangle" hidden="1">
            <a:extLst>
              <a:ext uri="{FF2B5EF4-FFF2-40B4-BE49-F238E27FC236}">
                <a16:creationId xmlns:a16="http://schemas.microsoft.com/office/drawing/2014/main" id="{4F5C754C-D594-4900-97ED-3974C4D02E24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428665" y="2784687"/>
            <a:ext cx="10337800" cy="7220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" name="OTLSHAPE_SL2A_e9e9563c8f004a8da31c1d4e236852d3_BackgroundRectangle" hidden="1">
            <a:extLst>
              <a:ext uri="{FF2B5EF4-FFF2-40B4-BE49-F238E27FC236}">
                <a16:creationId xmlns:a16="http://schemas.microsoft.com/office/drawing/2014/main" id="{5AE089B1-A128-4CB7-856B-6E84286576A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428665" y="3570224"/>
            <a:ext cx="10337800" cy="9379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" name="OTLSHAPE_TB_00000000000000000000000000000000_RightEndCaps">
            <a:extLst>
              <a:ext uri="{FF2B5EF4-FFF2-40B4-BE49-F238E27FC236}">
                <a16:creationId xmlns:a16="http://schemas.microsoft.com/office/drawing/2014/main" id="{A1057D7F-A4B6-40BB-AD04-647661EFAB4A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11912261" y="5394833"/>
            <a:ext cx="25648" cy="1549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  <a:endParaRPr lang="en-US" sz="100" b="1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380369AD-0DBB-4AD8-97AF-708832F9D8B4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171" name="OTLSHAPE_T_71f4e8e30f8b4054b52122f532f9bc7c_LeftVerticalConnector1">
            <a:extLst>
              <a:ext uri="{FF2B5EF4-FFF2-40B4-BE49-F238E27FC236}">
                <a16:creationId xmlns:a16="http://schemas.microsoft.com/office/drawing/2014/main" id="{895E4766-E784-438F-8542-830D5951FB9C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555665" y="4774861"/>
            <a:ext cx="0" cy="437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2" name="OTLSHAPE_T_71f4e8e30f8b4054b52122f532f9bc7c_RightVerticalConnector1">
            <a:extLst>
              <a:ext uri="{FF2B5EF4-FFF2-40B4-BE49-F238E27FC236}">
                <a16:creationId xmlns:a16="http://schemas.microsoft.com/office/drawing/2014/main" id="{3A77CA07-BCF1-4E4C-B478-3CA9A0F32EB4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1597546" y="4774861"/>
            <a:ext cx="0" cy="437219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ScaleContainer">
            <a:extLst>
              <a:ext uri="{FF2B5EF4-FFF2-40B4-BE49-F238E27FC236}">
                <a16:creationId xmlns:a16="http://schemas.microsoft.com/office/drawing/2014/main" id="{1120D859-E749-45EE-A7D1-A69F377D6253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555665" y="5212080"/>
            <a:ext cx="102108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OTLSHAPE_SL_94da38b5ca484e3f9a172e88e7bff00b_HeaderRectangle">
            <a:extLst>
              <a:ext uri="{FF2B5EF4-FFF2-40B4-BE49-F238E27FC236}">
                <a16:creationId xmlns:a16="http://schemas.microsoft.com/office/drawing/2014/main" id="{9A11C86E-0AA5-4F6D-A029-8CB94E40742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1984587"/>
            <a:ext cx="1371600" cy="736600"/>
          </a:xfrm>
          <a:prstGeom prst="rect">
            <a:avLst/>
          </a:prstGeom>
          <a:solidFill>
            <a:srgbClr val="B20E12">
              <a:alpha val="6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OTLSHAPE_SL_bb31dba40afb42509c61b1136d9b8acb_HeaderRectangle">
            <a:extLst>
              <a:ext uri="{FF2B5EF4-FFF2-40B4-BE49-F238E27FC236}">
                <a16:creationId xmlns:a16="http://schemas.microsoft.com/office/drawing/2014/main" id="{61A5CC7C-6D00-4AA0-A812-CC35E84EEC17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2784687"/>
            <a:ext cx="1371600" cy="722037"/>
          </a:xfrm>
          <a:prstGeom prst="rect">
            <a:avLst/>
          </a:prstGeom>
          <a:solidFill>
            <a:schemeClr val="accent1">
              <a:alpha val="6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_f6ffadc9780a4f3ab22a7e53bade919d_HeaderRectangle">
            <a:extLst>
              <a:ext uri="{FF2B5EF4-FFF2-40B4-BE49-F238E27FC236}">
                <a16:creationId xmlns:a16="http://schemas.microsoft.com/office/drawing/2014/main" id="{E569626C-B76B-4221-AB28-7C800906E117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3570224"/>
            <a:ext cx="1371600" cy="937937"/>
          </a:xfrm>
          <a:prstGeom prst="rect">
            <a:avLst/>
          </a:prstGeom>
          <a:solidFill>
            <a:schemeClr val="accent2">
              <a:alpha val="6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" name="OTLSHAPE_SL2A_8a011717bc3e4e7d9a568a08c30719ef_HeaderRectangle" hidden="1">
            <a:extLst>
              <a:ext uri="{FF2B5EF4-FFF2-40B4-BE49-F238E27FC236}">
                <a16:creationId xmlns:a16="http://schemas.microsoft.com/office/drawing/2014/main" id="{07F9BCB1-E942-4B55-8CFD-12CC15991E1D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428665" y="1984587"/>
            <a:ext cx="0" cy="0"/>
          </a:xfrm>
          <a:prstGeom prst="rect">
            <a:avLst/>
          </a:prstGeom>
          <a:solidFill>
            <a:srgbClr val="FFD966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6" name="OTLSHAPE_SL2A_d243605a0eb84889a765067cee0a8e9a_HeaderRectangle" hidden="1">
            <a:extLst>
              <a:ext uri="{FF2B5EF4-FFF2-40B4-BE49-F238E27FC236}">
                <a16:creationId xmlns:a16="http://schemas.microsoft.com/office/drawing/2014/main" id="{3219D166-0015-49CD-BD96-2A34EC274AD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428665" y="2784687"/>
            <a:ext cx="0" cy="0"/>
          </a:xfrm>
          <a:prstGeom prst="rect">
            <a:avLst/>
          </a:prstGeom>
          <a:solidFill>
            <a:srgbClr val="FFD966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1" name="OTLSHAPE_SL2A_e9e9563c8f004a8da31c1d4e236852d3_HeaderRectangle" hidden="1">
            <a:extLst>
              <a:ext uri="{FF2B5EF4-FFF2-40B4-BE49-F238E27FC236}">
                <a16:creationId xmlns:a16="http://schemas.microsoft.com/office/drawing/2014/main" id="{A800D989-7A68-45C1-B6CA-E0C5924840BD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428665" y="3570224"/>
            <a:ext cx="0" cy="0"/>
          </a:xfrm>
          <a:prstGeom prst="rect">
            <a:avLst/>
          </a:prstGeom>
          <a:solidFill>
            <a:srgbClr val="FFD966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SLT_72b320f81b6e4b04a3fce01de595adb0_Shape">
            <a:extLst>
              <a:ext uri="{FF2B5EF4-FFF2-40B4-BE49-F238E27FC236}">
                <a16:creationId xmlns:a16="http://schemas.microsoft.com/office/drawing/2014/main" id="{DAB27970-9183-4479-9712-D84DB00024AE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2836283" y="3064087"/>
            <a:ext cx="28829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T_cb830a95773b4d238e1a6baad2d9efab_Shape">
            <a:extLst>
              <a:ext uri="{FF2B5EF4-FFF2-40B4-BE49-F238E27FC236}">
                <a16:creationId xmlns:a16="http://schemas.microsoft.com/office/drawing/2014/main" id="{757C7A0E-EDE7-4690-A1FB-BD5A842B6FA9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4744478" y="3298105"/>
            <a:ext cx="2235200" cy="170519"/>
          </a:xfrm>
          <a:prstGeom prst="homePlat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T_302ad5dd614e43839f4e52cba7530e7d_Shape">
            <a:extLst>
              <a:ext uri="{FF2B5EF4-FFF2-40B4-BE49-F238E27FC236}">
                <a16:creationId xmlns:a16="http://schemas.microsoft.com/office/drawing/2014/main" id="{E9814E3A-F8EF-42BF-9828-0539EB8039C0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6852858" y="3298105"/>
            <a:ext cx="1727200" cy="170519"/>
          </a:xfrm>
          <a:prstGeom prst="homePlat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SLT_e8a0d0690d7843edaca796e8b25719da_Shape">
            <a:extLst>
              <a:ext uri="{FF2B5EF4-FFF2-40B4-BE49-F238E27FC236}">
                <a16:creationId xmlns:a16="http://schemas.microsoft.com/office/drawing/2014/main" id="{C7FAFE69-396B-4490-8A03-B3E08EE1094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7171740" y="3611964"/>
            <a:ext cx="1282700" cy="170519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T_2e86747a0e4d40369fc9e624eddee8ac_Shape">
            <a:extLst>
              <a:ext uri="{FF2B5EF4-FFF2-40B4-BE49-F238E27FC236}">
                <a16:creationId xmlns:a16="http://schemas.microsoft.com/office/drawing/2014/main" id="{556E6EC4-4701-4347-82ED-BA8B5A44513C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9017929" y="3849624"/>
            <a:ext cx="1143000" cy="170519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SLT_dee062f831824c40b729e5fc0a7398ab_Shape">
            <a:extLst>
              <a:ext uri="{FF2B5EF4-FFF2-40B4-BE49-F238E27FC236}">
                <a16:creationId xmlns:a16="http://schemas.microsoft.com/office/drawing/2014/main" id="{571DF0BA-D6E3-4BC2-B050-5D89BADBB3CA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0360552" y="4080002"/>
            <a:ext cx="1219200" cy="127000"/>
          </a:xfrm>
          <a:prstGeom prst="homePlat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ElapsedTime" hidden="1">
            <a:extLst>
              <a:ext uri="{FF2B5EF4-FFF2-40B4-BE49-F238E27FC236}">
                <a16:creationId xmlns:a16="http://schemas.microsoft.com/office/drawing/2014/main" id="{879571AA-C849-491B-AFB6-169FF4106BAF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1555665" y="5212080"/>
            <a:ext cx="0" cy="0"/>
          </a:xfrm>
          <a:prstGeom prst="rect">
            <a:avLst/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M_eb93403433304ea981e8af436a845f5a_Shape">
            <a:extLst>
              <a:ext uri="{FF2B5EF4-FFF2-40B4-BE49-F238E27FC236}">
                <a16:creationId xmlns:a16="http://schemas.microsoft.com/office/drawing/2014/main" id="{F111F38B-A089-4B97-835A-EE7D12235CED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073650" y="2822787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M_d368e01a32b34fc3b54126c6ffd82576_Shape">
            <a:extLst>
              <a:ext uri="{FF2B5EF4-FFF2-40B4-BE49-F238E27FC236}">
                <a16:creationId xmlns:a16="http://schemas.microsoft.com/office/drawing/2014/main" id="{F97BC6F8-8D8E-4E38-B266-FCBFF34D3AE0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608454" y="3608324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SLM_d1dcd03e753e44f9b3bb054a330fe3c7_Shape">
            <a:extLst>
              <a:ext uri="{FF2B5EF4-FFF2-40B4-BE49-F238E27FC236}">
                <a16:creationId xmlns:a16="http://schemas.microsoft.com/office/drawing/2014/main" id="{07E15725-7448-4B79-9A93-75D3C4369C49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10840623" y="4292261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" name="OTLSHAPE_SLM_3ff1d2cf17a04dc7ad850089267784e6_Shape">
            <a:extLst>
              <a:ext uri="{FF2B5EF4-FFF2-40B4-BE49-F238E27FC236}">
                <a16:creationId xmlns:a16="http://schemas.microsoft.com/office/drawing/2014/main" id="{1406D066-6AAC-4A72-8756-AC0A5AF8490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798125" y="2022687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M_0aec949068fc4edb9016a17022f2fa0f_Shape">
            <a:extLst>
              <a:ext uri="{FF2B5EF4-FFF2-40B4-BE49-F238E27FC236}">
                <a16:creationId xmlns:a16="http://schemas.microsoft.com/office/drawing/2014/main" id="{2617F139-5085-4C03-AFCB-45FB72985EB5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117006" y="2263987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" name="OTLSHAPE_SLM_a082688a646c41b89fd9c789a04e5fb9_Shape">
            <a:extLst>
              <a:ext uri="{FF2B5EF4-FFF2-40B4-BE49-F238E27FC236}">
                <a16:creationId xmlns:a16="http://schemas.microsoft.com/office/drawing/2014/main" id="{0565D377-87C8-4143-A428-CA5BD5E2B700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2435888" y="2505287"/>
            <a:ext cx="152400" cy="177800"/>
          </a:xfrm>
          <a:prstGeom prst="diamond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OTLSHAPE_SLT_72b320f81b6e4b04a3fce01de595adb0_ShapePercentage" hidden="1">
            <a:extLst>
              <a:ext uri="{FF2B5EF4-FFF2-40B4-BE49-F238E27FC236}">
                <a16:creationId xmlns:a16="http://schemas.microsoft.com/office/drawing/2014/main" id="{3387E361-D350-45D8-9B49-9B19C193A562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836283" y="306408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6" name="OTLSHAPE_SLT_cb830a95773b4d238e1a6baad2d9efab_ShapePercentage" hidden="1">
            <a:extLst>
              <a:ext uri="{FF2B5EF4-FFF2-40B4-BE49-F238E27FC236}">
                <a16:creationId xmlns:a16="http://schemas.microsoft.com/office/drawing/2014/main" id="{ED40C0E9-9ED1-43AD-AD03-B18E00281CA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4744478" y="329810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1" name="OTLSHAPE_SLT_302ad5dd614e43839f4e52cba7530e7d_ShapePercentage" hidden="1">
            <a:extLst>
              <a:ext uri="{FF2B5EF4-FFF2-40B4-BE49-F238E27FC236}">
                <a16:creationId xmlns:a16="http://schemas.microsoft.com/office/drawing/2014/main" id="{1BFC357D-5453-4917-A961-5FB225BEFD92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6852858" y="3298105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8" name="OTLSHAPE_SLT_e8a0d0690d7843edaca796e8b25719da_ShapePercentage" hidden="1">
            <a:extLst>
              <a:ext uri="{FF2B5EF4-FFF2-40B4-BE49-F238E27FC236}">
                <a16:creationId xmlns:a16="http://schemas.microsoft.com/office/drawing/2014/main" id="{994DD35E-87C8-409C-8BB1-722258FB6CFB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171740" y="361196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5" name="OTLSHAPE_SLT_2e86747a0e4d40369fc9e624eddee8ac_ShapePercentage" hidden="1">
            <a:extLst>
              <a:ext uri="{FF2B5EF4-FFF2-40B4-BE49-F238E27FC236}">
                <a16:creationId xmlns:a16="http://schemas.microsoft.com/office/drawing/2014/main" id="{70503F97-EAD3-4F79-9DED-C13BD91A820D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9017929" y="3849624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T_dee062f831824c40b729e5fc0a7398ab_ShapePercentage" hidden="1">
            <a:extLst>
              <a:ext uri="{FF2B5EF4-FFF2-40B4-BE49-F238E27FC236}">
                <a16:creationId xmlns:a16="http://schemas.microsoft.com/office/drawing/2014/main" id="{B3030EB7-68B7-4198-BC4F-63C3DCD026B9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360552" y="4080002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5" name="OTLSHAPE_SL_94da38b5ca484e3f9a172e88e7bff00b_Header">
            <a:extLst>
              <a:ext uri="{FF2B5EF4-FFF2-40B4-BE49-F238E27FC236}">
                <a16:creationId xmlns:a16="http://schemas.microsoft.com/office/drawing/2014/main" id="{37508F10-70CA-4F53-9D9E-59731B4DB479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500" y="2182368"/>
            <a:ext cx="1371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Incident </a:t>
            </a:r>
            <a:b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Response</a:t>
            </a:r>
          </a:p>
        </p:txBody>
      </p:sp>
      <p:sp>
        <p:nvSpPr>
          <p:cNvPr id="78" name="OTLSHAPE_SL_bb31dba40afb42509c61b1136d9b8acb_Header">
            <a:extLst>
              <a:ext uri="{FF2B5EF4-FFF2-40B4-BE49-F238E27FC236}">
                <a16:creationId xmlns:a16="http://schemas.microsoft.com/office/drawing/2014/main" id="{0A19012E-8641-477A-806B-A461AE737182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500" y="2975187"/>
            <a:ext cx="1371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Business </a:t>
            </a:r>
            <a:b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Continuity</a:t>
            </a:r>
          </a:p>
        </p:txBody>
      </p:sp>
      <p:sp>
        <p:nvSpPr>
          <p:cNvPr id="81" name="OTLSHAPE_SL_f6ffadc9780a4f3ab22a7e53bade919d_Header">
            <a:extLst>
              <a:ext uri="{FF2B5EF4-FFF2-40B4-BE49-F238E27FC236}">
                <a16:creationId xmlns:a16="http://schemas.microsoft.com/office/drawing/2014/main" id="{A3591F3E-C1FD-4070-A87B-90BEE817FDB1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3500" y="3868674"/>
            <a:ext cx="1371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Review </a:t>
            </a:r>
            <a:b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&amp; Recovery</a:t>
            </a:r>
          </a:p>
        </p:txBody>
      </p:sp>
      <p:sp>
        <p:nvSpPr>
          <p:cNvPr id="94" name="OTLSHAPE_SL2A_8a011717bc3e4e7d9a568a08c30719ef_Header" hidden="1">
            <a:extLst>
              <a:ext uri="{FF2B5EF4-FFF2-40B4-BE49-F238E27FC236}">
                <a16:creationId xmlns:a16="http://schemas.microsoft.com/office/drawing/2014/main" id="{1A0DEE00-50B6-41A3-B92E-7A7567CFBF82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-1807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2A_d243605a0eb84889a765067cee0a8e9a_Header" hidden="1">
            <a:extLst>
              <a:ext uri="{FF2B5EF4-FFF2-40B4-BE49-F238E27FC236}">
                <a16:creationId xmlns:a16="http://schemas.microsoft.com/office/drawing/2014/main" id="{AF580C8D-7469-454B-B077-075CDFD7DECB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12700" y="-1807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2" name="OTLSHAPE_SL2A_e9e9563c8f004a8da31c1d4e236852d3_Header" hidden="1">
            <a:extLst>
              <a:ext uri="{FF2B5EF4-FFF2-40B4-BE49-F238E27FC236}">
                <a16:creationId xmlns:a16="http://schemas.microsoft.com/office/drawing/2014/main" id="{BBFB30B7-5654-4C34-8A93-DE07E33675E4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12700" y="-1807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3547EA9D-C3DE-4F0F-AACD-05CD0342BE6B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501237" y="559308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C62FE750-1C26-4405-9AA2-32EF070176A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733983" y="611886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E8B4E73-60BD-4CEA-A510-E06D4F987A52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1619165" y="5309552"/>
            <a:ext cx="34817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FC26627C-F1F1-4865-B2A8-EE159F3E3767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2894690" y="530955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1C2214B7-F791-4BD5-98E9-DF302995010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4170215" y="5309552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46EB8346-19C1-4602-B53A-BC6465EE176C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445740" y="53095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A30B64E3-E194-487E-8AF1-9133EF1D7AC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721265" y="53095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sp>
        <p:nvSpPr>
          <p:cNvPr id="71" name="OTLSHAPE_TB_00000000000000000000000000000000_TimescaleInterval6">
            <a:extLst>
              <a:ext uri="{FF2B5EF4-FFF2-40B4-BE49-F238E27FC236}">
                <a16:creationId xmlns:a16="http://schemas.microsoft.com/office/drawing/2014/main" id="{1725D324-8AAC-4692-B9B8-3A502A8AB13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7996790" y="53095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21</a:t>
            </a:r>
          </a:p>
        </p:txBody>
      </p:sp>
      <p:sp>
        <p:nvSpPr>
          <p:cNvPr id="72" name="OTLSHAPE_TB_00000000000000000000000000000000_TimescaleInterval7">
            <a:extLst>
              <a:ext uri="{FF2B5EF4-FFF2-40B4-BE49-F238E27FC236}">
                <a16:creationId xmlns:a16="http://schemas.microsoft.com/office/drawing/2014/main" id="{98554D5D-D9E1-49EB-ABDF-F1B7C18BBCE1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9272315" y="53095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25</a:t>
            </a:r>
          </a:p>
        </p:txBody>
      </p:sp>
      <p:sp>
        <p:nvSpPr>
          <p:cNvPr id="73" name="OTLSHAPE_TB_00000000000000000000000000000000_TimescaleInterval8">
            <a:extLst>
              <a:ext uri="{FF2B5EF4-FFF2-40B4-BE49-F238E27FC236}">
                <a16:creationId xmlns:a16="http://schemas.microsoft.com/office/drawing/2014/main" id="{4604EE73-DF65-480D-9210-B4C4E7D2630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0547840" y="5309552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29</a:t>
            </a:r>
          </a:p>
        </p:txBody>
      </p:sp>
      <p:sp>
        <p:nvSpPr>
          <p:cNvPr id="110" name="OTLSHAPE_SLM_eb93403433304ea981e8af436a845f5a_Title">
            <a:extLst>
              <a:ext uri="{FF2B5EF4-FFF2-40B4-BE49-F238E27FC236}">
                <a16:creationId xmlns:a16="http://schemas.microsoft.com/office/drawing/2014/main" id="{1EC868AC-9696-48F1-9E9E-DBBB7B7E5B13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3276850" y="2826427"/>
            <a:ext cx="1663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Contact staff, vendors, clients</a:t>
            </a:r>
          </a:p>
        </p:txBody>
      </p:sp>
      <p:sp>
        <p:nvSpPr>
          <p:cNvPr id="116" name="OTLSHAPE_SLT_72b320f81b6e4b04a3fce01de595adb0_Duration">
            <a:extLst>
              <a:ext uri="{FF2B5EF4-FFF2-40B4-BE49-F238E27FC236}">
                <a16:creationId xmlns:a16="http://schemas.microsoft.com/office/drawing/2014/main" id="{F35FB210-BCF0-4DD3-99AC-CA6D9C460FB6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461252" y="307183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7 days</a:t>
            </a:r>
          </a:p>
        </p:txBody>
      </p:sp>
      <p:sp>
        <p:nvSpPr>
          <p:cNvPr id="121" name="OTLSHAPE_SLT_72b320f81b6e4b04a3fce01de595adb0_Title">
            <a:extLst>
              <a:ext uri="{FF2B5EF4-FFF2-40B4-BE49-F238E27FC236}">
                <a16:creationId xmlns:a16="http://schemas.microsoft.com/office/drawing/2014/main" id="{C51C0F9C-7FF9-479A-BBB3-D0736256883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291067" y="3064087"/>
            <a:ext cx="196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Recover critical business processes</a:t>
            </a:r>
          </a:p>
        </p:txBody>
      </p:sp>
      <p:sp>
        <p:nvSpPr>
          <p:cNvPr id="124" name="OTLSHAPE_SLT_cb830a95773b4d238e1a6baad2d9efab_Duration">
            <a:extLst>
              <a:ext uri="{FF2B5EF4-FFF2-40B4-BE49-F238E27FC236}">
                <a16:creationId xmlns:a16="http://schemas.microsoft.com/office/drawing/2014/main" id="{671B6C3B-38C7-45A6-A26A-D2D10101FC05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369447" y="330585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29" name="OTLSHAPE_SLT_cb830a95773b4d238e1a6baad2d9efab_Title">
            <a:extLst>
              <a:ext uri="{FF2B5EF4-FFF2-40B4-BE49-F238E27FC236}">
                <a16:creationId xmlns:a16="http://schemas.microsoft.com/office/drawing/2014/main" id="{26B83098-F730-4E3D-BEB1-D40095B2FE2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396647" y="3298105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Rebuild lost WIP</a:t>
            </a:r>
            <a:endParaRPr lang="en-US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32" name="OTLSHAPE_SLT_302ad5dd614e43839f4e52cba7530e7d_Duration">
            <a:extLst>
              <a:ext uri="{FF2B5EF4-FFF2-40B4-BE49-F238E27FC236}">
                <a16:creationId xmlns:a16="http://schemas.microsoft.com/office/drawing/2014/main" id="{5F58D2F7-ACF9-406F-A519-60D0199CA70D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8621853" y="3305852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4.4 days</a:t>
            </a:r>
            <a:endParaRPr lang="en-US" sz="10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302ad5dd614e43839f4e52cba7530e7d_Title">
            <a:extLst>
              <a:ext uri="{FF2B5EF4-FFF2-40B4-BE49-F238E27FC236}">
                <a16:creationId xmlns:a16="http://schemas.microsoft.com/office/drawing/2014/main" id="{9D9B1FF0-F964-48F7-BC27-0EE6ABAC141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7204590" y="3298105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Alternate site Ops</a:t>
            </a:r>
            <a:endParaRPr lang="en-US" sz="1100" spc="-4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8" name="OTLSHAPE_SLT_e8a0d0690d7843edaca796e8b25719da_Duration">
            <a:extLst>
              <a:ext uri="{FF2B5EF4-FFF2-40B4-BE49-F238E27FC236}">
                <a16:creationId xmlns:a16="http://schemas.microsoft.com/office/drawing/2014/main" id="{1A904EBF-655C-470E-B427-96BC1242B79D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6700273" y="3619712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3.4 days</a:t>
            </a:r>
          </a:p>
        </p:txBody>
      </p:sp>
      <p:sp>
        <p:nvSpPr>
          <p:cNvPr id="153" name="OTLSHAPE_SLT_e8a0d0690d7843edaca796e8b25719da_Title">
            <a:extLst>
              <a:ext uri="{FF2B5EF4-FFF2-40B4-BE49-F238E27FC236}">
                <a16:creationId xmlns:a16="http://schemas.microsoft.com/office/drawing/2014/main" id="{648F7C21-979A-43DB-819A-0A4EF3E1FCC4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7393573" y="3611964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>
                <a:solidFill>
                  <a:schemeClr val="lt1"/>
                </a:solidFill>
                <a:latin typeface="Calibri" panose="020F0502020204030204" pitchFamily="34" charset="0"/>
              </a:rPr>
              <a:t>Damage repair</a:t>
            </a:r>
          </a:p>
        </p:txBody>
      </p:sp>
      <p:sp>
        <p:nvSpPr>
          <p:cNvPr id="159" name="OTLSHAPE_SLT_2e86747a0e4d40369fc9e624eddee8ac_Duration">
            <a:extLst>
              <a:ext uri="{FF2B5EF4-FFF2-40B4-BE49-F238E27FC236}">
                <a16:creationId xmlns:a16="http://schemas.microsoft.com/office/drawing/2014/main" id="{3AC68800-EB45-4B06-AD32-7773D46BA098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8546463" y="3857371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1"/>
                </a:solidFill>
                <a:latin typeface="Calibri" panose="020F0502020204030204" pitchFamily="34" charset="0"/>
              </a:rPr>
              <a:t>3.6 days</a:t>
            </a:r>
          </a:p>
        </p:txBody>
      </p:sp>
      <p:sp>
        <p:nvSpPr>
          <p:cNvPr id="164" name="OTLSHAPE_SLT_2e86747a0e4d40369fc9e624eddee8ac_Title">
            <a:extLst>
              <a:ext uri="{FF2B5EF4-FFF2-40B4-BE49-F238E27FC236}">
                <a16:creationId xmlns:a16="http://schemas.microsoft.com/office/drawing/2014/main" id="{448B5F31-C15B-4320-B160-403812DD3021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198424" y="3849624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8">
                <a:solidFill>
                  <a:schemeClr val="lt1"/>
                </a:solidFill>
                <a:latin typeface="Calibri" panose="020F0502020204030204" pitchFamily="34" charset="0"/>
              </a:rPr>
              <a:t>Recover costs</a:t>
            </a:r>
            <a:endParaRPr lang="en-US" sz="1100" spc="-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M_d368e01a32b34fc3b54126c6ffd82576_Title">
            <a:extLst>
              <a:ext uri="{FF2B5EF4-FFF2-40B4-BE49-F238E27FC236}">
                <a16:creationId xmlns:a16="http://schemas.microsoft.com/office/drawing/2014/main" id="{157452F3-37D5-458B-89B1-AFB627508576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8811654" y="3611964"/>
            <a:ext cx="198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Move to permanent place of work</a:t>
            </a:r>
          </a:p>
        </p:txBody>
      </p:sp>
      <p:sp>
        <p:nvSpPr>
          <p:cNvPr id="183" name="OTLSHAPE_SLT_dee062f831824c40b729e5fc0a7398ab_Title">
            <a:extLst>
              <a:ext uri="{FF2B5EF4-FFF2-40B4-BE49-F238E27FC236}">
                <a16:creationId xmlns:a16="http://schemas.microsoft.com/office/drawing/2014/main" id="{B2E47A0D-426A-46A9-B8D3-1EAE804A894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9136357" y="4058243"/>
            <a:ext cx="1181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Document &amp; analyze</a:t>
            </a:r>
          </a:p>
        </p:txBody>
      </p:sp>
      <p:sp>
        <p:nvSpPr>
          <p:cNvPr id="74" name="OTLSHAPE_SLM_d1dcd03e753e44f9b3bb054a330fe3c7_Title">
            <a:extLst>
              <a:ext uri="{FF2B5EF4-FFF2-40B4-BE49-F238E27FC236}">
                <a16:creationId xmlns:a16="http://schemas.microsoft.com/office/drawing/2014/main" id="{744B93A3-F82E-4172-9394-A13D3644781A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9885328" y="4295902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Review meeting</a:t>
            </a:r>
          </a:p>
        </p:txBody>
      </p:sp>
      <p:sp>
        <p:nvSpPr>
          <p:cNvPr id="66" name="OTLSHAPE_SLM_3ff1d2cf17a04dc7ad850089267784e6_Title">
            <a:extLst>
              <a:ext uri="{FF2B5EF4-FFF2-40B4-BE49-F238E27FC236}">
                <a16:creationId xmlns:a16="http://schemas.microsoft.com/office/drawing/2014/main" id="{A7A0C252-B79D-4674-AFE6-C51A9EDB3BB1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2001325" y="2026327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Incident report</a:t>
            </a:r>
          </a:p>
        </p:txBody>
      </p:sp>
      <p:sp>
        <p:nvSpPr>
          <p:cNvPr id="69" name="OTLSHAPE_SLM_0aec949068fc4edb9016a17022f2fa0f_Title">
            <a:extLst>
              <a:ext uri="{FF2B5EF4-FFF2-40B4-BE49-F238E27FC236}">
                <a16:creationId xmlns:a16="http://schemas.microsoft.com/office/drawing/2014/main" id="{009D9397-087A-47D6-8E6C-14532A317B5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2320206" y="2267627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Asses &amp; Contain damage</a:t>
            </a:r>
          </a:p>
        </p:txBody>
      </p:sp>
      <p:sp>
        <p:nvSpPr>
          <p:cNvPr id="83" name="OTLSHAPE_SLM_a082688a646c41b89fd9c789a04e5fb9_Title">
            <a:extLst>
              <a:ext uri="{FF2B5EF4-FFF2-40B4-BE49-F238E27FC236}">
                <a16:creationId xmlns:a16="http://schemas.microsoft.com/office/drawing/2014/main" id="{D331D8CC-B70A-404C-BA3A-D99BFD1AF48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2639088" y="2508927"/>
            <a:ext cx="1854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Declare Business Continuity Plan</a:t>
            </a:r>
          </a:p>
        </p:txBody>
      </p:sp>
      <p:sp>
        <p:nvSpPr>
          <p:cNvPr id="29" name="OTLSHAPE_SLM_3ff1d2cf17a04dc7ad850089267784e6_Date" hidden="1">
            <a:extLst>
              <a:ext uri="{FF2B5EF4-FFF2-40B4-BE49-F238E27FC236}">
                <a16:creationId xmlns:a16="http://schemas.microsoft.com/office/drawing/2014/main" id="{4842E668-AEF6-4007-A526-7BE46A0A86B5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</a:t>
            </a:r>
          </a:p>
        </p:txBody>
      </p:sp>
      <p:sp>
        <p:nvSpPr>
          <p:cNvPr id="33" name="OTLSHAPE_SLM_0aec949068fc4edb9016a17022f2fa0f_Date" hidden="1">
            <a:extLst>
              <a:ext uri="{FF2B5EF4-FFF2-40B4-BE49-F238E27FC236}">
                <a16:creationId xmlns:a16="http://schemas.microsoft.com/office/drawing/2014/main" id="{22D361A9-CADD-4ACE-8462-CF521903A0B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3</a:t>
            </a:r>
          </a:p>
        </p:txBody>
      </p:sp>
      <p:sp>
        <p:nvSpPr>
          <p:cNvPr id="34" name="OTLSHAPE_SLM_a082688a646c41b89fd9c789a04e5fb9_Date" hidden="1">
            <a:extLst>
              <a:ext uri="{FF2B5EF4-FFF2-40B4-BE49-F238E27FC236}">
                <a16:creationId xmlns:a16="http://schemas.microsoft.com/office/drawing/2014/main" id="{73CC79D0-7CB2-4381-92E7-70934466296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4</a:t>
            </a:r>
          </a:p>
        </p:txBody>
      </p:sp>
      <p:sp>
        <p:nvSpPr>
          <p:cNvPr id="36" name="OTLSHAPE_SLM_eb93403433304ea981e8af436a845f5a_Date" hidden="1">
            <a:extLst>
              <a:ext uri="{FF2B5EF4-FFF2-40B4-BE49-F238E27FC236}">
                <a16:creationId xmlns:a16="http://schemas.microsoft.com/office/drawing/2014/main" id="{E68626C7-2B5C-4D6A-BA0C-293711399B43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6</a:t>
            </a:r>
          </a:p>
        </p:txBody>
      </p:sp>
      <p:sp>
        <p:nvSpPr>
          <p:cNvPr id="39" name="OTLSHAPE_SLT_72b320f81b6e4b04a3fce01de595adb0_TextPercentage" hidden="1">
            <a:extLst>
              <a:ext uri="{FF2B5EF4-FFF2-40B4-BE49-F238E27FC236}">
                <a16:creationId xmlns:a16="http://schemas.microsoft.com/office/drawing/2014/main" id="{9C570D3A-B3AF-4FB1-A819-03679425C06D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SLT_72b320f81b6e4b04a3fce01de595adb0_JoinedDate" hidden="1">
            <a:extLst>
              <a:ext uri="{FF2B5EF4-FFF2-40B4-BE49-F238E27FC236}">
                <a16:creationId xmlns:a16="http://schemas.microsoft.com/office/drawing/2014/main" id="{AADB6DED-3340-4B08-A1E2-644B88E9B1A7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618242"/>
            <a:ext cx="7239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6 - Apr 15</a:t>
            </a:r>
          </a:p>
        </p:txBody>
      </p:sp>
      <p:sp>
        <p:nvSpPr>
          <p:cNvPr id="42" name="OTLSHAPE_SLT_72b320f81b6e4b04a3fce01de595adb0_StartDate" hidden="1">
            <a:extLst>
              <a:ext uri="{FF2B5EF4-FFF2-40B4-BE49-F238E27FC236}">
                <a16:creationId xmlns:a16="http://schemas.microsoft.com/office/drawing/2014/main" id="{A2937349-A49E-4B54-828C-45C26C0C7296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72b320f81b6e4b04a3fce01de595adb0_EndDate" hidden="1">
            <a:extLst>
              <a:ext uri="{FF2B5EF4-FFF2-40B4-BE49-F238E27FC236}">
                <a16:creationId xmlns:a16="http://schemas.microsoft.com/office/drawing/2014/main" id="{2C65B005-C965-4379-AEAA-FED3E5965CC7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SLT_cb830a95773b4d238e1a6baad2d9efab_TextPercentage" hidden="1">
            <a:extLst>
              <a:ext uri="{FF2B5EF4-FFF2-40B4-BE49-F238E27FC236}">
                <a16:creationId xmlns:a16="http://schemas.microsoft.com/office/drawing/2014/main" id="{69EC4F3E-301B-4EBB-93DE-7C700D5CAE5D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SLT_cb830a95773b4d238e1a6baad2d9efab_JoinedDate" hidden="1">
            <a:extLst>
              <a:ext uri="{FF2B5EF4-FFF2-40B4-BE49-F238E27FC236}">
                <a16:creationId xmlns:a16="http://schemas.microsoft.com/office/drawing/2014/main" id="{7822D4A5-B157-40EA-8C88-62B8D236027E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2 - Apr 18</a:t>
            </a:r>
          </a:p>
        </p:txBody>
      </p:sp>
      <p:sp>
        <p:nvSpPr>
          <p:cNvPr id="49" name="OTLSHAPE_SLT_cb830a95773b4d238e1a6baad2d9efab_StartDate" hidden="1">
            <a:extLst>
              <a:ext uri="{FF2B5EF4-FFF2-40B4-BE49-F238E27FC236}">
                <a16:creationId xmlns:a16="http://schemas.microsoft.com/office/drawing/2014/main" id="{83AB99CF-2748-450E-8C62-1B33CD520E1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T_cb830a95773b4d238e1a6baad2d9efab_EndDate" hidden="1">
            <a:extLst>
              <a:ext uri="{FF2B5EF4-FFF2-40B4-BE49-F238E27FC236}">
                <a16:creationId xmlns:a16="http://schemas.microsoft.com/office/drawing/2014/main" id="{30A23BEE-6F23-4A4F-8BD4-561E2D209F1F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T_302ad5dd614e43839f4e52cba7530e7d_TextPercentage" hidden="1">
            <a:extLst>
              <a:ext uri="{FF2B5EF4-FFF2-40B4-BE49-F238E27FC236}">
                <a16:creationId xmlns:a16="http://schemas.microsoft.com/office/drawing/2014/main" id="{CD414E2C-3DF5-43BE-8C21-AE1C9D2A5DC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302ad5dd614e43839f4e52cba7530e7d_JoinedDate" hidden="1">
            <a:extLst>
              <a:ext uri="{FF2B5EF4-FFF2-40B4-BE49-F238E27FC236}">
                <a16:creationId xmlns:a16="http://schemas.microsoft.com/office/drawing/2014/main" id="{B35004E6-B2C5-46FF-AC5A-7A9320001DCC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8 - Apr 24</a:t>
            </a:r>
          </a:p>
        </p:txBody>
      </p:sp>
      <p:sp>
        <p:nvSpPr>
          <p:cNvPr id="54" name="OTLSHAPE_SLT_302ad5dd614e43839f4e52cba7530e7d_StartDate" hidden="1">
            <a:extLst>
              <a:ext uri="{FF2B5EF4-FFF2-40B4-BE49-F238E27FC236}">
                <a16:creationId xmlns:a16="http://schemas.microsoft.com/office/drawing/2014/main" id="{11E708B5-3562-47B8-9AF2-EBE17CFA67AC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T_302ad5dd614e43839f4e52cba7530e7d_EndDate" hidden="1">
            <a:extLst>
              <a:ext uri="{FF2B5EF4-FFF2-40B4-BE49-F238E27FC236}">
                <a16:creationId xmlns:a16="http://schemas.microsoft.com/office/drawing/2014/main" id="{708A3BC6-5686-4C3E-BD1B-C37579A2AD0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SLT_e8a0d0690d7843edaca796e8b25719da_TextPercentage" hidden="1">
            <a:extLst>
              <a:ext uri="{FF2B5EF4-FFF2-40B4-BE49-F238E27FC236}">
                <a16:creationId xmlns:a16="http://schemas.microsoft.com/office/drawing/2014/main" id="{3BC4CAA2-88CA-4682-ADBB-AFCA986B9050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SLT_e8a0d0690d7843edaca796e8b25719da_JoinedDate" hidden="1">
            <a:extLst>
              <a:ext uri="{FF2B5EF4-FFF2-40B4-BE49-F238E27FC236}">
                <a16:creationId xmlns:a16="http://schemas.microsoft.com/office/drawing/2014/main" id="{6847AD5F-D871-4DC2-92B1-3D5F7C7932C7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19 - Apr 23</a:t>
            </a:r>
          </a:p>
        </p:txBody>
      </p:sp>
      <p:sp>
        <p:nvSpPr>
          <p:cNvPr id="61" name="OTLSHAPE_SLT_e8a0d0690d7843edaca796e8b25719da_StartDate" hidden="1">
            <a:extLst>
              <a:ext uri="{FF2B5EF4-FFF2-40B4-BE49-F238E27FC236}">
                <a16:creationId xmlns:a16="http://schemas.microsoft.com/office/drawing/2014/main" id="{A971D2C5-08A8-469E-92A8-F3E8DD60B367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SLT_e8a0d0690d7843edaca796e8b25719da_EndDate" hidden="1">
            <a:extLst>
              <a:ext uri="{FF2B5EF4-FFF2-40B4-BE49-F238E27FC236}">
                <a16:creationId xmlns:a16="http://schemas.microsoft.com/office/drawing/2014/main" id="{88B6CD29-CDEE-42F4-A230-F1951083DF01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M_d368e01a32b34fc3b54126c6ffd82576_Date" hidden="1">
            <a:extLst>
              <a:ext uri="{FF2B5EF4-FFF2-40B4-BE49-F238E27FC236}">
                <a16:creationId xmlns:a16="http://schemas.microsoft.com/office/drawing/2014/main" id="{392D68FE-5DFC-4C58-A1F5-924BB2C6C765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4</a:t>
            </a:r>
          </a:p>
        </p:txBody>
      </p:sp>
      <p:sp>
        <p:nvSpPr>
          <p:cNvPr id="67" name="OTLSHAPE_SLT_2e86747a0e4d40369fc9e624eddee8ac_TextPercentage" hidden="1">
            <a:extLst>
              <a:ext uri="{FF2B5EF4-FFF2-40B4-BE49-F238E27FC236}">
                <a16:creationId xmlns:a16="http://schemas.microsoft.com/office/drawing/2014/main" id="{1404867F-CEE7-4318-90B0-5DF6EC4AA0B3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SLT_2e86747a0e4d40369fc9e624eddee8ac_JoinedDate" hidden="1">
            <a:extLst>
              <a:ext uri="{FF2B5EF4-FFF2-40B4-BE49-F238E27FC236}">
                <a16:creationId xmlns:a16="http://schemas.microsoft.com/office/drawing/2014/main" id="{A91575EF-BFF5-4EEF-9EC6-45B04476D1F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5 - Apr 28</a:t>
            </a:r>
          </a:p>
        </p:txBody>
      </p:sp>
      <p:sp>
        <p:nvSpPr>
          <p:cNvPr id="70" name="OTLSHAPE_SLT_2e86747a0e4d40369fc9e624eddee8ac_StartDate" hidden="1">
            <a:extLst>
              <a:ext uri="{FF2B5EF4-FFF2-40B4-BE49-F238E27FC236}">
                <a16:creationId xmlns:a16="http://schemas.microsoft.com/office/drawing/2014/main" id="{41BAA923-26BD-44EE-92DC-D8B9EB8202EA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2e86747a0e4d40369fc9e624eddee8ac_EndDate" hidden="1">
            <a:extLst>
              <a:ext uri="{FF2B5EF4-FFF2-40B4-BE49-F238E27FC236}">
                <a16:creationId xmlns:a16="http://schemas.microsoft.com/office/drawing/2014/main" id="{CA246E0C-9E53-4A9B-B9EA-F38CAE7726F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dee062f831824c40b729e5fc0a7398ab_Duration" hidden="1">
            <a:extLst>
              <a:ext uri="{FF2B5EF4-FFF2-40B4-BE49-F238E27FC236}">
                <a16:creationId xmlns:a16="http://schemas.microsoft.com/office/drawing/2014/main" id="{F8314840-CB10-4D1F-A2C6-4F5A70C56556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-387410"/>
            <a:ext cx="431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.8 days</a:t>
            </a:r>
          </a:p>
        </p:txBody>
      </p:sp>
      <p:sp>
        <p:nvSpPr>
          <p:cNvPr id="88" name="OTLSHAPE_SLT_dee062f831824c40b729e5fc0a7398ab_TextPercentage" hidden="1">
            <a:extLst>
              <a:ext uri="{FF2B5EF4-FFF2-40B4-BE49-F238E27FC236}">
                <a16:creationId xmlns:a16="http://schemas.microsoft.com/office/drawing/2014/main" id="{8FB32410-0CC0-4C80-93F7-818F87EA7EEB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" name="OTLSHAPE_SLT_dee062f831824c40b729e5fc0a7398ab_JoinedDate" hidden="1">
            <a:extLst>
              <a:ext uri="{FF2B5EF4-FFF2-40B4-BE49-F238E27FC236}">
                <a16:creationId xmlns:a16="http://schemas.microsoft.com/office/drawing/2014/main" id="{AAA251C1-1204-4341-86D9-3B82815BFE80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9 - May 3</a:t>
            </a:r>
          </a:p>
        </p:txBody>
      </p:sp>
      <p:sp>
        <p:nvSpPr>
          <p:cNvPr id="90" name="OTLSHAPE_SLT_dee062f831824c40b729e5fc0a7398ab_StartDate" hidden="1">
            <a:extLst>
              <a:ext uri="{FF2B5EF4-FFF2-40B4-BE49-F238E27FC236}">
                <a16:creationId xmlns:a16="http://schemas.microsoft.com/office/drawing/2014/main" id="{57F3730C-977E-4D22-97D9-0C766FE49CD2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dee062f831824c40b729e5fc0a7398ab_EndDate" hidden="1">
            <a:extLst>
              <a:ext uri="{FF2B5EF4-FFF2-40B4-BE49-F238E27FC236}">
                <a16:creationId xmlns:a16="http://schemas.microsoft.com/office/drawing/2014/main" id="{19BC0103-5D35-4BD2-85A5-B2D4E756807F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M_d1dcd03e753e44f9b3bb054a330fe3c7_Date" hidden="1">
            <a:extLst>
              <a:ext uri="{FF2B5EF4-FFF2-40B4-BE49-F238E27FC236}">
                <a16:creationId xmlns:a16="http://schemas.microsoft.com/office/drawing/2014/main" id="{554F1818-277F-484B-A4EF-54ED249ED02B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cxnSp>
        <p:nvCxnSpPr>
          <p:cNvPr id="15" name="OTLSHAPE_TB_00000000000000000000000000000000_Separator1">
            <a:extLst>
              <a:ext uri="{FF2B5EF4-FFF2-40B4-BE49-F238E27FC236}">
                <a16:creationId xmlns:a16="http://schemas.microsoft.com/office/drawing/2014/main" id="{BC37BC1F-052C-4520-A901-9D17637C029F}"/>
              </a:ext>
            </a:extLst>
          </p:cNvPr>
          <p:cNvCxnSpPr/>
          <p:nvPr>
            <p:custDataLst>
              <p:tags r:id="rId102"/>
            </p:custDataLst>
          </p:nvPr>
        </p:nvCxnSpPr>
        <p:spPr>
          <a:xfrm>
            <a:off x="2831187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TB_00000000000000000000000000000000_Separator2">
            <a:extLst>
              <a:ext uri="{FF2B5EF4-FFF2-40B4-BE49-F238E27FC236}">
                <a16:creationId xmlns:a16="http://schemas.microsoft.com/office/drawing/2014/main" id="{E84C5A78-6B99-4A0D-8FC9-FC6A3E533E76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4106712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3">
            <a:extLst>
              <a:ext uri="{FF2B5EF4-FFF2-40B4-BE49-F238E27FC236}">
                <a16:creationId xmlns:a16="http://schemas.microsoft.com/office/drawing/2014/main" id="{DDDFEA39-3D76-4C77-9462-4CDC063B8E33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5382237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Separator4">
            <a:extLst>
              <a:ext uri="{FF2B5EF4-FFF2-40B4-BE49-F238E27FC236}">
                <a16:creationId xmlns:a16="http://schemas.microsoft.com/office/drawing/2014/main" id="{128AB532-A57A-4AB6-8E17-12B7F3C15CC8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6657762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5">
            <a:extLst>
              <a:ext uri="{FF2B5EF4-FFF2-40B4-BE49-F238E27FC236}">
                <a16:creationId xmlns:a16="http://schemas.microsoft.com/office/drawing/2014/main" id="{84C63607-2163-4A61-B5A1-481282495249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7933286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Separator6">
            <a:extLst>
              <a:ext uri="{FF2B5EF4-FFF2-40B4-BE49-F238E27FC236}">
                <a16:creationId xmlns:a16="http://schemas.microsoft.com/office/drawing/2014/main" id="{378D278B-DC82-47C9-A506-C572B7B475FF}"/>
              </a:ext>
            </a:extLst>
          </p:cNvPr>
          <p:cNvCxnSpPr/>
          <p:nvPr>
            <p:custDataLst>
              <p:tags r:id="rId107"/>
            </p:custDataLst>
          </p:nvPr>
        </p:nvCxnSpPr>
        <p:spPr>
          <a:xfrm>
            <a:off x="9208812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7">
            <a:extLst>
              <a:ext uri="{FF2B5EF4-FFF2-40B4-BE49-F238E27FC236}">
                <a16:creationId xmlns:a16="http://schemas.microsoft.com/office/drawing/2014/main" id="{E3135633-B2F4-4DB8-A158-9979A43C1C78}"/>
              </a:ext>
            </a:extLst>
          </p:cNvPr>
          <p:cNvCxnSpPr/>
          <p:nvPr>
            <p:custDataLst>
              <p:tags r:id="rId108"/>
            </p:custDataLst>
          </p:nvPr>
        </p:nvCxnSpPr>
        <p:spPr>
          <a:xfrm>
            <a:off x="10484336" y="5300980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OTLSHAPE_T_71f4e8e30f8b4054b52122f532f9bc7c_Shape">
            <a:extLst>
              <a:ext uri="{FF2B5EF4-FFF2-40B4-BE49-F238E27FC236}">
                <a16:creationId xmlns:a16="http://schemas.microsoft.com/office/drawing/2014/main" id="{846BFDA3-9AB2-4862-84F8-9A6D6F548513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1555665" y="4711361"/>
            <a:ext cx="10045700" cy="127000"/>
          </a:xfrm>
          <a:prstGeom prst="homePlate">
            <a:avLst/>
          </a:prstGeom>
          <a:solidFill>
            <a:srgbClr val="93939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OTLSHAPE_T_71f4e8e30f8b4054b52122f532f9bc7c_ShapePercentage" hidden="1">
            <a:extLst>
              <a:ext uri="{FF2B5EF4-FFF2-40B4-BE49-F238E27FC236}">
                <a16:creationId xmlns:a16="http://schemas.microsoft.com/office/drawing/2014/main" id="{F11FB9F8-24F5-4A87-B781-ADADD094BBF5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1555665" y="4711361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0" name="OTLSHAPE_T_71f4e8e30f8b4054b52122f532f9bc7c_Title">
            <a:extLst>
              <a:ext uri="{FF2B5EF4-FFF2-40B4-BE49-F238E27FC236}">
                <a16:creationId xmlns:a16="http://schemas.microsoft.com/office/drawing/2014/main" id="{128FFA25-5E93-43A8-8D61-EB5CB171EF4E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555665" y="4838361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2">
                <a:solidFill>
                  <a:schemeClr val="dk1"/>
                </a:solidFill>
                <a:latin typeface="Calibri" panose="020F0502020204030204" pitchFamily="34" charset="0"/>
              </a:rPr>
              <a:t>Crisis communication</a:t>
            </a:r>
          </a:p>
        </p:txBody>
      </p:sp>
      <p:sp>
        <p:nvSpPr>
          <p:cNvPr id="14" name="OTLSHAPE_T_71f4e8e30f8b4054b52122f532f9bc7c_Duration" hidden="1">
            <a:extLst>
              <a:ext uri="{FF2B5EF4-FFF2-40B4-BE49-F238E27FC236}">
                <a16:creationId xmlns:a16="http://schemas.microsoft.com/office/drawing/2014/main" id="{C4922378-545D-46A3-9B40-A8E0F6B9DA5D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1"/>
                </a:solidFill>
                <a:latin typeface="Calibri" panose="020F0502020204030204" pitchFamily="34" charset="0"/>
              </a:rPr>
              <a:t>21.5 days</a:t>
            </a:r>
          </a:p>
        </p:txBody>
      </p:sp>
      <p:sp>
        <p:nvSpPr>
          <p:cNvPr id="20" name="OTLSHAPE_T_71f4e8e30f8b4054b52122f532f9bc7c_TextPercentage" hidden="1">
            <a:extLst>
              <a:ext uri="{FF2B5EF4-FFF2-40B4-BE49-F238E27FC236}">
                <a16:creationId xmlns:a16="http://schemas.microsoft.com/office/drawing/2014/main" id="{90B680A5-3B6A-4874-9646-9CE541A75E78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T_71f4e8e30f8b4054b52122f532f9bc7c_JoinedDate" hidden="1">
            <a:extLst>
              <a:ext uri="{FF2B5EF4-FFF2-40B4-BE49-F238E27FC236}">
                <a16:creationId xmlns:a16="http://schemas.microsoft.com/office/drawing/2014/main" id="{F736F123-BB60-42AB-9CC5-657B4A2D568E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541298"/>
            <a:ext cx="698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dk2"/>
                </a:solidFill>
                <a:latin typeface="Calibri" panose="020F0502020204030204" pitchFamily="34" charset="0"/>
              </a:rPr>
              <a:t>Apr 2 - May 3</a:t>
            </a:r>
          </a:p>
        </p:txBody>
      </p:sp>
      <p:sp>
        <p:nvSpPr>
          <p:cNvPr id="25" name="OTLSHAPE_T_71f4e8e30f8b4054b52122f532f9bc7c_StartDate" hidden="1">
            <a:extLst>
              <a:ext uri="{FF2B5EF4-FFF2-40B4-BE49-F238E27FC236}">
                <a16:creationId xmlns:a16="http://schemas.microsoft.com/office/drawing/2014/main" id="{4491D73E-D07C-447C-A980-3E753BF3D804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" name="OTLSHAPE_T_71f4e8e30f8b4054b52122f532f9bc7c_EndDate" hidden="1">
            <a:extLst>
              <a:ext uri="{FF2B5EF4-FFF2-40B4-BE49-F238E27FC236}">
                <a16:creationId xmlns:a16="http://schemas.microsoft.com/office/drawing/2014/main" id="{1F6B7D70-E25E-4DB7-AC6D-4571DDFEB652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M_a0e2fb0118aa4c78a08382f9c431bb7b_Shape">
            <a:extLst>
              <a:ext uri="{FF2B5EF4-FFF2-40B4-BE49-F238E27FC236}">
                <a16:creationId xmlns:a16="http://schemas.microsoft.com/office/drawing/2014/main" id="{99CCDE0A-2291-462E-A9CE-C1569250754A}"/>
              </a:ext>
            </a:extLst>
          </p:cNvPr>
          <p:cNvSpPr/>
          <p:nvPr>
            <p:custDataLst>
              <p:tags r:id="rId117"/>
            </p:custDataLst>
          </p:nvPr>
        </p:nvSpPr>
        <p:spPr>
          <a:xfrm>
            <a:off x="11007581" y="552958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M_00a6cbc7b45b4203897e1beb5f03a3ee_Shape">
            <a:extLst>
              <a:ext uri="{FF2B5EF4-FFF2-40B4-BE49-F238E27FC236}">
                <a16:creationId xmlns:a16="http://schemas.microsoft.com/office/drawing/2014/main" id="{DFAE7C2C-1A33-4226-9191-5538BDA87089}"/>
              </a:ext>
            </a:extLst>
          </p:cNvPr>
          <p:cNvSpPr/>
          <p:nvPr>
            <p:custDataLst>
              <p:tags r:id="rId118"/>
            </p:custDataLst>
          </p:nvPr>
        </p:nvSpPr>
        <p:spPr>
          <a:xfrm>
            <a:off x="1441365" y="5529580"/>
            <a:ext cx="228600" cy="254000"/>
          </a:xfrm>
          <a:prstGeom prst="diamond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M_00a6cbc7b45b4203897e1beb5f03a3ee_Title">
            <a:extLst>
              <a:ext uri="{FF2B5EF4-FFF2-40B4-BE49-F238E27FC236}">
                <a16:creationId xmlns:a16="http://schemas.microsoft.com/office/drawing/2014/main" id="{6CCDF1C2-A23F-4AC1-8DBB-2CD59228CDAE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02732" y="5976705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rgbClr val="EA161E"/>
                </a:solidFill>
                <a:latin typeface="Calibri" panose="020F0502020204030204" pitchFamily="34" charset="0"/>
              </a:rPr>
              <a:t>Crisis occurs</a:t>
            </a:r>
          </a:p>
        </p:txBody>
      </p:sp>
      <p:sp>
        <p:nvSpPr>
          <p:cNvPr id="173" name="OTLSHAPE_M_a0e2fb0118aa4c78a08382f9c431bb7b_Title">
            <a:extLst>
              <a:ext uri="{FF2B5EF4-FFF2-40B4-BE49-F238E27FC236}">
                <a16:creationId xmlns:a16="http://schemas.microsoft.com/office/drawing/2014/main" id="{85FADB9E-570E-45DC-B662-9E6AAFFBF68E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0623512" y="5976705"/>
            <a:ext cx="1003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" dirty="0">
                <a:solidFill>
                  <a:schemeClr val="dk1"/>
                </a:solidFill>
                <a:latin typeface="Calibri" panose="020F0502020204030204" pitchFamily="34" charset="0"/>
              </a:rPr>
              <a:t>Business as usual</a:t>
            </a:r>
          </a:p>
        </p:txBody>
      </p:sp>
      <p:sp>
        <p:nvSpPr>
          <p:cNvPr id="43" name="OTLSHAPE_M_a0e2fb0118aa4c78a08382f9c431bb7b_Date">
            <a:extLst>
              <a:ext uri="{FF2B5EF4-FFF2-40B4-BE49-F238E27FC236}">
                <a16:creationId xmlns:a16="http://schemas.microsoft.com/office/drawing/2014/main" id="{C9DC9BBD-6011-4446-B2E1-E7291FD1724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0963067" y="580898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dk2"/>
                </a:solidFill>
                <a:latin typeface="Calibri" panose="020F0502020204030204" pitchFamily="34" charset="0"/>
              </a:rPr>
              <a:t>May 1</a:t>
            </a:r>
          </a:p>
        </p:txBody>
      </p:sp>
      <p:sp>
        <p:nvSpPr>
          <p:cNvPr id="44" name="OTLSHAPE_M_00a6cbc7b45b4203897e1beb5f03a3ee_Date">
            <a:extLst>
              <a:ext uri="{FF2B5EF4-FFF2-40B4-BE49-F238E27FC236}">
                <a16:creationId xmlns:a16="http://schemas.microsoft.com/office/drawing/2014/main" id="{E9637FCD-6F48-418F-9C81-AC3F37BE85A8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416876" y="5808980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Apr 2</a:t>
            </a:r>
          </a:p>
        </p:txBody>
      </p:sp>
      <p:sp>
        <p:nvSpPr>
          <p:cNvPr id="187" name="TextBox 186">
            <a:extLst>
              <a:ext uri="{FF2B5EF4-FFF2-40B4-BE49-F238E27FC236}">
                <a16:creationId xmlns:a16="http://schemas.microsoft.com/office/drawing/2014/main" id="{B5BCBE8F-D42D-48A3-8F65-1165152F676D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63500" y="597063"/>
            <a:ext cx="739759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3600" dirty="0">
                <a:solidFill>
                  <a:prstClr val="black"/>
                </a:solidFill>
                <a:latin typeface="+mj-lt"/>
              </a:rPr>
              <a:t>Crisis Management Timeline</a:t>
            </a:r>
          </a:p>
        </p:txBody>
      </p:sp>
      <p:sp>
        <p:nvSpPr>
          <p:cNvPr id="188" name="TextBox 187">
            <a:extLst>
              <a:ext uri="{FF2B5EF4-FFF2-40B4-BE49-F238E27FC236}">
                <a16:creationId xmlns:a16="http://schemas.microsoft.com/office/drawing/2014/main" id="{818C1C62-113C-478F-8738-CCF89DF9FF07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63500" y="1138199"/>
            <a:ext cx="713255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defRPr/>
            </a:pPr>
            <a:r>
              <a:rPr lang="en-US" sz="2000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Key activities and planning for risk mitig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799461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UiLCJUb3AiOjAuMCwiTGVmdCI6MC4wLCJSaWdodCI6MC4wLCJCb3R0b20iOjAuMH0sIlBhZGRpbmciOnsiJGlkIjoiMjYiLCJUb3AiOjAuMCwiTGVmdCI6MC4wLCJSaWdodCI6MC4wLCJCb3R0b20iOjAuMH0sIkJhY2tncm91bmQiOnsiJGlkIjoiMjciLCJDb2xvciI6eyIkaWQiOiIyOCIsIkEiOjAsIlIiOjI1NSwiRyI6MjU1LCJCIjoyNTV9fSwiSXNWaXNpYmxlIjpmYWxzZSwiV2lkdGgiOjAuMCwiSGVpZ2h0IjowLjAsIkJvcmRlclN0eWxlIjpudWxsLCJQYXJlbnRTdHlsZSI6bnVsbH0sIkRhdGVGb3JtYXQiOnsiJGlkIjoi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xNTAiLCJDb2xvciI6eyIkaWQiOiIxNTEiLCJBIjowLCJSIjoyNTUsIkciOjI1NSwiQiI6MjU1fX0sIklzVmlzaWJsZSI6ZmFsc2UsIldpZHRoIjowLjAsIkhlaWdodCI6MC4wLCJCb3JkZXJTdHlsZSI6bnVsbCwiUGFyZW50U3R5bGUiOm51bGx9LCJEYXRlRm9ybWF0Ijp7IiRpZCI6IjE1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zODkiLCJDb2xvciI6eyIkaWQiOiIzOTAiLCJBIjowLCJSIjoyNTUsIkciOjI1NSwiQiI6MjU1fX0sIklzVmlzaWJsZSI6ZmFsc2UsIldpZHRoIjowLjAsIkhlaWdodCI6MC4wLCJCb3JkZXJTdHlsZSI6bnVsbCwiUGFyZW50U3R5bGUiOm51bGx9LCJEYXRlRm9ybWF0Ijp7IiRpZCI6IjM5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NDc2IiwiQ29sb3IiOnsiJGlkIjoiNDc3IiwiQSI6MCwiUiI6MjU1LCJHIjoyNTUsIkIiOjI1NX19LCJJc1Zpc2libGUiOmZhbHNlLCJXaWR0aCI6MC4wLCJIZWlnaHQiOjAuMCwiQm9yZGVyU3R5bGUiOm51bGwsIlBhcmVudFN0eWxlIjpudWxsfSwiRGF0ZUZvcm1hdCI6eyIkaWQiOiI0Nz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4NyIsIlRvcCI6MC4wLCJMZWZ0IjowLjAsIlJpZ2h0IjowLjAsIkJvdHRvbSI6MC4wfSwiUGFkZGluZyI6eyIkaWQiOiI0ODgiLCJUb3AiOjAuMCwiTGVmdCI6MC4wLCJSaWdodCI6MC4wLCJCb3R0b20iOjAuMH0sIkJhY2tncm91bmQiOm51bGwsIklzVmlzaWJsZSI6dHJ1ZSwiV2lkdGgiOjAuMCwiSGVpZ2h0IjowLjAsIkJvcmRlclN0eWxlIjpudWxsLCJQYXJlbnRTdHlsZSI6bnVsbH0sIlJlY3Rhbmds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xMiIsIlRvcCI6MC4wLCJMZWZ0IjowLjAsIlJpZ2h0IjowLjAsIkJvdHRvbSI6MC4wfSwiUGFkZGluZyI6eyIkaWQiOiI2MTMiLCJUb3AiOjAuMCwiTGVmdCI6MC4wLCJSaWdodCI6MC4wLCJCb3R0b20iOjAuMH0sIkJhY2tncm91bmQiOnsiJGlkIjoiNjE0IiwiQ29sb3IiOnsiJHJlZiI6IjE2NiJ9fSwiSXNWaXNpYmxlIjp0cnVlLCJXaWR0aCI6MC4wLCJIZWlnaHQiOjAuMCwiQm9yZGVyU3R5bGUiOm51bGwsIlBhcmVudFN0eWxlIjpudWxsfSwiRGF0ZUZvcm1hdCI6eyIkaWQiOiI2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HJlZiI6IjQzOCJ9LCJJc1Zpc2libGUiOnRydWUsIldpZHRoIjowLjAsIkhlaWdodCI6MC4wLCJCb3JkZXJTdHlsZSI6bnVsbCwiUGFyZW50U3R5bGUiOm51bGx9LCJIb3Jpem9udGFsQ29ubmVjdG9yU3R5bGUiOnsiJGlkIjoiNjI2IiwiTGluZUNvbG9yIjp7IiRyZWYiOiIxNzgifSwiTGluZVdlaWdodCI6MS4wLCJMaW5lVHlwZSI6MCwiUGFyZW50U3R5bGUiOm51bGx9LCJWZXJ0aWNhbENvbm5lY3RvclN0eWxlIjp7IiRpZCI6IjYyNyIsIkxpbmVDb2xvciI6eyIkcmVmIjoiMTg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Q4IiwiRm9ybWF0IjowLCJJc1Zpc2libGUiOmZhbHNlLCJMYXN0S25vd25WaXNpYmlsaXR5U3RhdGUiOmZhbHNlfSwiSXNWaXNpYmxlIjp0cnVlLCJQYXJlbnRTdHlsZSI6bnVsbCwiX2V4cGxpY2l0bHlTZXQiOnsiJGlkIjoiNjQ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2MTIifSwiUGFkZGluZyI6eyIkcmVmIjoiNjEzIn0sIkJhY2tncm91bmQiOnsiJGlkIjoiNzE3IiwiQ29sb3IiOnsiJGlkIjoiNzE4IiwiQSI6MCwiUiI6MjU1LCJHIjoyNTUsIkIiOjI1NX19LCJJc1Zpc2libGUiOnRydWUsIldpZHRoIjowLjAsIkhlaWdodCI6MC4wLCJCb3JkZXJTdHlsZSI6eyIkaWQiOiI3MTkiLCJMaW5lQ29sb3IiOm51bGwsIkxpbmVXZWlnaHQiOjAuMCwiTGluZVR5cGUiOjAsIlBhcmVudFN0eWxlIjpudWxsfSwiUGFyZW50U3R5bGUiOm51bGx9LCJEYXRlRm9ybWF0Ijp7IiRpZCI6Ijcy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k1IiwiRm9ybWF0IjowLCJJc1Zpc2libGUiOmZhbHNlLCJMYXN0S25vd25WaXNpYmlsaXR5U3RhdGUiOmZhbHNlfSwiSXNWaXNpYmxlIjp0cnVlLCJQYXJlbnRTdHlsZSI6bnVsbCwiX2V4cGxpY2l0bHlTZXQiOnsiJGlkIjoiNzk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4MDIiLCJVc2VUaW1lIjp0cnV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4-02T00:00:00.0000000Z"/>
  <p:tag name="OTLENDDATE" val="2022-05-03T11:47:00.0000000Z"/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Business as usual"/>
  <p:tag name="OTLPOSITIONONTASK" val="Center"/>
  <p:tag name="OTLRELATEDTASKID" val="00000000-0000-0000-0000-000000000000"/>
  <p:tag name="OTLWEEKNUMBERINGFORMAT" val="WNFormat1"/>
  <p:tag name="OTLWEEKNUMBERINGISVISIBLE" val="False"/>
  <p:tag name="OTLDATE" val="2022-05-01T23:59:00.0000000"/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risis occurs"/>
  <p:tag name="OTLPOSITIONONTASK" val="Center"/>
  <p:tag name="OTLRELATEDTASKID" val="00000000-0000-0000-0000-000000000000"/>
  <p:tag name="OTLWEEKNUMBERINGFORMAT" val="WNFormat1"/>
  <p:tag name="OTLWEEKNUMBERINGISVISIBLE" val="False"/>
  <p:tag name="OTLDATE" val="2022-04-02T00:00:00.0000000"/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74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d"/>
  <p:tag name="OTLTIMEBANDSCALETYPE" val="Days"/>
  <p:tag name="OTLTIMEBANDSHAPETYPE" val="RectangleTimeband"/>
  <p:tag name="OTLTIMEBANDSHAPEHEIGHT" val="30"/>
  <p:tag name="OTLTIMEBANDSHAPEPADDINGLEFT" val="0"/>
  <p:tag name="OTLTIMEBANDENDDATE" val="2022-05-03T11:47:00.0000000"/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4-06T00:23:00.0000000Z"/>
  <p:tag name="OTLENDDATE" val="2022-04-15T00:41:00.0000000Z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4-12T00:00:00.0000000Z"/>
  <p:tag name="OTLENDDATE" val="2022-04-18T23:59:00.0000000Z"/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4-18T14:41:00.0000000Z"/>
  <p:tag name="OTLENDDATE" val="2022-04-24T00:00:00.0000000Z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19T14:41:00.0000000Z"/>
  <p:tag name="OTLENDDATE" val="2022-04-23T14:53:00.0000000Z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4-25T09:38:00.0000000Z"/>
  <p:tag name="OTLENDDATE" val="2022-04-28T22:52:00.0000000Z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Thin"/>
  <p:tag name="OTLWEEKNUMBERINGFORMAT" val="WNFormat1"/>
  <p:tag name="OTLWEEKNUMBERINGISVISIBLE" val="False"/>
  <p:tag name="OTLSTARTDATE" val="2022-04-29T14:41:00.0000000Z"/>
  <p:tag name="OTLENDDATE" val="2022-05-03T10:05:00.0000000Z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ontact staff, vendors, clients"/>
  <p:tag name="OTLPOSITIONONTASK" val="None"/>
  <p:tag name="OTLRELATEDTASKID" val="00000000-0000-0000-0000-000000000000"/>
  <p:tag name="OTLWEEKNUMBERINGFORMAT" val="WNFormat1"/>
  <p:tag name="OTLWEEKNUMBERINGISVISIBLE" val="False"/>
  <p:tag name="OTLDATE" val="2022-04-06T23:59:00.0000000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ve to permanent place of work"/>
  <p:tag name="OTLPOSITIONONTASK" val="None"/>
  <p:tag name="OTLRELATEDTASKID" val="00000000-0000-0000-0000-000000000000"/>
  <p:tag name="OTLWEEKNUMBERINGFORMAT" val="WNFormat1"/>
  <p:tag name="OTLWEEKNUMBERINGISVISIBLE" val="False"/>
  <p:tag name="OTLDATE" val="2022-04-24T08:33:00.0000000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Review meeting"/>
  <p:tag name="OTLPOSITIONONTASK" val="None"/>
  <p:tag name="OTLRELATEDTASKID" val="00000000-0000-0000-0000-000000000000"/>
  <p:tag name="OTLWEEKNUMBERINGFORMAT" val="WNFormat1"/>
  <p:tag name="OTLWEEKNUMBERINGISVISIBLE" val="False"/>
  <p:tag name="OTLDATE" val="2022-05-01T08:33:00.0000000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ncident report"/>
  <p:tag name="OTLPOSITIONONTASK" val="None"/>
  <p:tag name="OTLRELATEDTASKID" val="00000000-0000-0000-0000-000000000000"/>
  <p:tag name="OTLWEEKNUMBERINGFORMAT" val="WNFormat1"/>
  <p:tag name="OTLWEEKNUMBERINGISVISIBLE" val="False"/>
  <p:tag name="OTLDATE" val="2022-04-02T23:59:00.0000000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Asses &amp; Contain damage"/>
  <p:tag name="OTLPOSITIONONTASK" val="None"/>
  <p:tag name="OTLRELATEDTASKID" val="00000000-0000-0000-0000-000000000000"/>
  <p:tag name="OTLWEEKNUMBERINGFORMAT" val="WNFormat1"/>
  <p:tag name="OTLWEEKNUMBERINGISVISIBLE" val="False"/>
  <p:tag name="OTLDATE" val="2022-04-03T23:59:00.0000000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clare Business Continuity Plan"/>
  <p:tag name="OTLPOSITIONONTASK" val="None"/>
  <p:tag name="OTLRELATEDTASKID" val="00000000-0000-0000-0000-000000000000"/>
  <p:tag name="OTLWEEKNUMBERINGFORMAT" val="WNFormat1"/>
  <p:tag name="OTLWEEKNUMBERINGISVISIBLE" val="False"/>
  <p:tag name="OTLDATE" val="2022-04-04T23:59:00.0000000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45</Words>
  <Application>Microsoft Office PowerPoint</Application>
  <PresentationFormat>Widescreen</PresentationFormat>
  <Paragraphs>6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4-15T13:05:21Z</dcterms:created>
  <dcterms:modified xsi:type="dcterms:W3CDTF">2022-06-23T11:16:09Z</dcterms:modified>
</cp:coreProperties>
</file>